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6" r:id="rId2"/>
    <p:sldId id="27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0000"/>
    <a:srgbClr val="717171"/>
    <a:srgbClr val="232323"/>
    <a:srgbClr val="6F6F6F"/>
    <a:srgbClr val="585858"/>
    <a:srgbClr val="F40000"/>
    <a:srgbClr val="E5E5E5"/>
    <a:srgbClr val="B6B6B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59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108" y="3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60070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18498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94314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54870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810171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55531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48177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59630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89860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11772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34151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1C8DFF-8382-49A5-9EE3-C27316C185B1}" type="datetimeFigureOut">
              <a:rPr lang="en-US" smtClean="0"/>
              <a:t>5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DA5031-3802-4EBE-90DF-DF80928279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56807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image" Target="../media/image4.png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1700943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130"/>
          <a:stretch>
            <a:fillRect/>
          </a:stretch>
        </p:blipFill>
        <p:spPr>
          <a:xfrm>
            <a:off x="0" y="-24130"/>
            <a:ext cx="12192000" cy="6882130"/>
          </a:xfrm>
          <a:prstGeom prst="rect">
            <a:avLst/>
          </a:prstGeom>
        </p:spPr>
      </p:pic>
      <p:sp>
        <p:nvSpPr>
          <p:cNvPr id="12" name="OTLSHAPE_SL_60f0b1b6b90141e082ed84f13c77e57b_BackgroundRectangle"/>
          <p:cNvSpPr/>
          <p:nvPr>
            <p:custDataLst>
              <p:tags r:id="rId2"/>
            </p:custDataLst>
          </p:nvPr>
        </p:nvSpPr>
        <p:spPr>
          <a:xfrm>
            <a:off x="63500" y="3533140"/>
            <a:ext cx="11315700" cy="2498979"/>
          </a:xfrm>
          <a:prstGeom prst="rect">
            <a:avLst/>
          </a:prstGeom>
          <a:solidFill>
            <a:srgbClr val="FFFFFF">
              <a:alpha val="0"/>
            </a:srgbClr>
          </a:solidFill>
          <a:ln w="28575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cxnSp>
        <p:nvCxnSpPr>
          <p:cNvPr id="4937" name="OTLSHAPE_M_40df1144ea504ae9aaf63194cec3a285_Connector1"/>
          <p:cNvCxnSpPr/>
          <p:nvPr>
            <p:custDataLst>
              <p:tags r:id="rId3"/>
            </p:custDataLst>
          </p:nvPr>
        </p:nvCxnSpPr>
        <p:spPr>
          <a:xfrm>
            <a:off x="915655" y="1375356"/>
            <a:ext cx="0" cy="1573584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2" name="OTLSHAPE_M_de3dabe334f246e28c7f982882c17b9a_Connector1">
            <a:extLst>
              <a:ext uri="{FF2B5EF4-FFF2-40B4-BE49-F238E27FC236}">
                <a16:creationId xmlns:a16="http://schemas.microsoft.com/office/drawing/2014/main" id="{85687064-31E8-E083-25EA-BCFA810D3D0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347343" y="2145166"/>
            <a:ext cx="0" cy="88900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3" name="OTLSHAPE_M_de3dabe334f246e28c7f982882c17b9a_Connector2">
            <a:extLst>
              <a:ext uri="{FF2B5EF4-FFF2-40B4-BE49-F238E27FC236}">
                <a16:creationId xmlns:a16="http://schemas.microsoft.com/office/drawing/2014/main" id="{DB213E8A-B06B-C3AC-0713-512ED81AB75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47343" y="2404585"/>
            <a:ext cx="0" cy="480855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4" name="OTLSHAPE_M_bce64c567ef44a79b03257e96ed839ae_Connector1">
            <a:extLst>
              <a:ext uri="{FF2B5EF4-FFF2-40B4-BE49-F238E27FC236}">
                <a16:creationId xmlns:a16="http://schemas.microsoft.com/office/drawing/2014/main" id="{B32FFF39-4FC6-BA62-BBE3-4FD29F54A51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148485" y="2136166"/>
            <a:ext cx="0" cy="88900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5" name="OTLSHAPE_M_bce64c567ef44a79b03257e96ed839ae_Connector2">
            <a:extLst>
              <a:ext uri="{FF2B5EF4-FFF2-40B4-BE49-F238E27FC236}">
                <a16:creationId xmlns:a16="http://schemas.microsoft.com/office/drawing/2014/main" id="{220E9ADA-DF20-F138-0A7B-3F1C4BD0E6A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148485" y="2395585"/>
            <a:ext cx="0" cy="489855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1" name="OTLSHAPE_M_a7a6aabbf9a241dead0105d9c1dca8fa_Connector1">
            <a:extLst>
              <a:ext uri="{FF2B5EF4-FFF2-40B4-BE49-F238E27FC236}">
                <a16:creationId xmlns:a16="http://schemas.microsoft.com/office/drawing/2014/main" id="{E1896E0B-CD53-146C-A2CB-08544BE04D4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792536" y="1060904"/>
            <a:ext cx="0" cy="112502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fbe5e9da6e474220924171ce3e9946aa_Connector1">
            <a:extLst>
              <a:ext uri="{FF2B5EF4-FFF2-40B4-BE49-F238E27FC236}">
                <a16:creationId xmlns:a16="http://schemas.microsoft.com/office/drawing/2014/main" id="{5A8642DD-F4F0-CAA2-BC1A-E25B30EF4E0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536047" y="1580780"/>
            <a:ext cx="0" cy="88900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fbe5e9da6e474220924171ce3e9946aa_Connector2">
            <a:extLst>
              <a:ext uri="{FF2B5EF4-FFF2-40B4-BE49-F238E27FC236}">
                <a16:creationId xmlns:a16="http://schemas.microsoft.com/office/drawing/2014/main" id="{D654A315-971C-0D39-BF5D-44061F8A7AE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536047" y="2051653"/>
            <a:ext cx="0" cy="833786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M_79cb1d6bea0c4efba0d54c3a3dc3007f_Connector1">
            <a:extLst>
              <a:ext uri="{FF2B5EF4-FFF2-40B4-BE49-F238E27FC236}">
                <a16:creationId xmlns:a16="http://schemas.microsoft.com/office/drawing/2014/main" id="{4B819BCB-BFC3-0B05-02BC-0A18F31B538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384751" y="2077053"/>
            <a:ext cx="0" cy="808386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3" name="OTLSHAPE_M_a7a6aabbf9a241dead0105d9c1dca8fa_Connector2">
            <a:extLst>
              <a:ext uri="{FF2B5EF4-FFF2-40B4-BE49-F238E27FC236}">
                <a16:creationId xmlns:a16="http://schemas.microsoft.com/office/drawing/2014/main" id="{075486FB-D1D3-6108-9A20-EE11A780B9C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792536" y="1343925"/>
            <a:ext cx="0" cy="325755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4" name="OTLSHAPE_M_a7a6aabbf9a241dead0105d9c1dca8fa_Connector3">
            <a:extLst>
              <a:ext uri="{FF2B5EF4-FFF2-40B4-BE49-F238E27FC236}">
                <a16:creationId xmlns:a16="http://schemas.microsoft.com/office/drawing/2014/main" id="{0406C87B-A78B-ECBF-1FBE-41FDB5A5E82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792536" y="1840199"/>
            <a:ext cx="0" cy="1045241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91d779e2d9dd4d0aac1e19feef0bf55e_Connector1">
            <a:extLst>
              <a:ext uri="{FF2B5EF4-FFF2-40B4-BE49-F238E27FC236}">
                <a16:creationId xmlns:a16="http://schemas.microsoft.com/office/drawing/2014/main" id="{B3523440-4DF7-48E0-CD8D-31BE23A411A9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765208" y="2641440"/>
            <a:ext cx="0" cy="244000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4831248813c24ae596fbfe9c23c37173_Connector1">
            <a:extLst>
              <a:ext uri="{FF2B5EF4-FFF2-40B4-BE49-F238E27FC236}">
                <a16:creationId xmlns:a16="http://schemas.microsoft.com/office/drawing/2014/main" id="{BB0558EE-5B40-FE8F-54D9-6FFA3E090C0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344449" y="2632440"/>
            <a:ext cx="0" cy="253000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99c4a161a1c54303976a00efbae67e70_Connector1">
            <a:extLst>
              <a:ext uri="{FF2B5EF4-FFF2-40B4-BE49-F238E27FC236}">
                <a16:creationId xmlns:a16="http://schemas.microsoft.com/office/drawing/2014/main" id="{A8511384-2B55-48AC-999A-3B05749A2B1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634054" y="2236440"/>
            <a:ext cx="0" cy="648999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28" name="OTLSHAPE_M_64ed9ba0157a45e69d7ea135b50e09fd_Connector1">
            <a:extLst>
              <a:ext uri="{FF2B5EF4-FFF2-40B4-BE49-F238E27FC236}">
                <a16:creationId xmlns:a16="http://schemas.microsoft.com/office/drawing/2014/main" id="{A5A67C7C-2DE1-AB90-B72E-46F9D5050D2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011585" y="2605440"/>
            <a:ext cx="0" cy="280000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39" name="OTLSHAPE_M_8eb1e94f7bd74cd0a14ae9e2577c47f5_Connector1">
            <a:extLst>
              <a:ext uri="{FF2B5EF4-FFF2-40B4-BE49-F238E27FC236}">
                <a16:creationId xmlns:a16="http://schemas.microsoft.com/office/drawing/2014/main" id="{1DB59992-DEF8-3C64-52BE-E88EAB48421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958247" y="2506440"/>
            <a:ext cx="0" cy="379000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c5156af2c87d478da83ee4bd3f3b9833_Connector1">
            <a:extLst>
              <a:ext uri="{FF2B5EF4-FFF2-40B4-BE49-F238E27FC236}">
                <a16:creationId xmlns:a16="http://schemas.microsoft.com/office/drawing/2014/main" id="{DD3C8CC7-666D-5E90-C4B7-B887B886A70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930857" y="2560440"/>
            <a:ext cx="0" cy="325000"/>
          </a:xfrm>
          <a:prstGeom prst="line">
            <a:avLst/>
          </a:prstGeom>
          <a:ln w="9525" cap="flat" cmpd="sng" algn="ctr">
            <a:solidFill>
              <a:srgbClr val="F400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SL_60f0b1b6b90141e082ed84f13c77e57b_HeaderRectangle">
            <a:extLst>
              <a:ext uri="{FF2B5EF4-FFF2-40B4-BE49-F238E27FC236}">
                <a16:creationId xmlns:a16="http://schemas.microsoft.com/office/drawing/2014/main" id="{6821350E-213F-4EF9-9A20-515131F944E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3533140"/>
            <a:ext cx="660400" cy="2498979"/>
          </a:xfrm>
          <a:prstGeom prst="rect">
            <a:avLst/>
          </a:prstGeom>
          <a:solidFill>
            <a:srgbClr val="FFFFFF">
              <a:alpha val="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6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844465" y="2948940"/>
            <a:ext cx="10528300" cy="381000"/>
          </a:xfrm>
          <a:prstGeom prst="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2" name="OTLSHAPE_SLM_4df71ff35713433d903f304dcf3d9073_Shape"/>
          <p:cNvSpPr/>
          <p:nvPr>
            <p:custDataLst>
              <p:tags r:id="rId22"/>
            </p:custDataLst>
          </p:nvPr>
        </p:nvSpPr>
        <p:spPr>
          <a:xfrm rot="16200000">
            <a:off x="2120696" y="375223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84" name="OTLSHAPE_SLM_cc8338edeeb54fbc804f6091641f16f4_Shape"/>
          <p:cNvSpPr/>
          <p:nvPr>
            <p:custDataLst>
              <p:tags r:id="rId23"/>
            </p:custDataLst>
          </p:nvPr>
        </p:nvSpPr>
        <p:spPr>
          <a:xfrm rot="16200000">
            <a:off x="3394463" y="491011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86" name="OTLSHAPE_SLM_0db1b81ad3c5499593b500cc0891684f_Shape"/>
          <p:cNvSpPr/>
          <p:nvPr>
            <p:custDataLst>
              <p:tags r:id="rId24"/>
            </p:custDataLst>
          </p:nvPr>
        </p:nvSpPr>
        <p:spPr>
          <a:xfrm rot="16200000">
            <a:off x="4401661" y="375223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85" name="OTLSHAPE_SLM_f4257ade8e244f5bb16f3302fb66e890_Shape"/>
          <p:cNvSpPr/>
          <p:nvPr>
            <p:custDataLst>
              <p:tags r:id="rId25"/>
            </p:custDataLst>
          </p:nvPr>
        </p:nvSpPr>
        <p:spPr>
          <a:xfrm rot="16200000">
            <a:off x="7208560" y="491011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88" name="OTLSHAPE_SLM_a6afcef06b7f4de69eebf0d493dcfc51_Shape"/>
          <p:cNvSpPr/>
          <p:nvPr>
            <p:custDataLst>
              <p:tags r:id="rId26"/>
            </p:custDataLst>
          </p:nvPr>
        </p:nvSpPr>
        <p:spPr>
          <a:xfrm rot="16200000">
            <a:off x="7424697" y="5570432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03" name="OTLSHAPE_SLM_4b21d50481254914bafaedf1af6810ff_Shape"/>
          <p:cNvSpPr/>
          <p:nvPr>
            <p:custDataLst>
              <p:tags r:id="rId27"/>
            </p:custDataLst>
          </p:nvPr>
        </p:nvSpPr>
        <p:spPr>
          <a:xfrm rot="16200000">
            <a:off x="1627903" y="375223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06" name="OTLSHAPE_SLM_2f4e4f650d504eac853f7cf1d94180da_Shape"/>
          <p:cNvSpPr/>
          <p:nvPr>
            <p:custDataLst>
              <p:tags r:id="rId28"/>
            </p:custDataLst>
          </p:nvPr>
        </p:nvSpPr>
        <p:spPr>
          <a:xfrm rot="16200000">
            <a:off x="2031359" y="4335060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10" name="OTLSHAPE_SLM_cc7852c0d7904c58a364b02b857ece47_Shape"/>
          <p:cNvSpPr/>
          <p:nvPr>
            <p:custDataLst>
              <p:tags r:id="rId29"/>
            </p:custDataLst>
          </p:nvPr>
        </p:nvSpPr>
        <p:spPr>
          <a:xfrm rot="16200000">
            <a:off x="6418940" y="4335060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16" name="OTLSHAPE_SLM_fce46ddac8b04e28a64d3c6e89ea9317_Shape"/>
          <p:cNvSpPr/>
          <p:nvPr>
            <p:custDataLst>
              <p:tags r:id="rId30"/>
            </p:custDataLst>
          </p:nvPr>
        </p:nvSpPr>
        <p:spPr>
          <a:xfrm rot="16200000">
            <a:off x="5717215" y="491011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19" name="OTLSHAPE_SLM_6bfc52c590a046d08dc0f3d404c86a94_Shape"/>
          <p:cNvSpPr/>
          <p:nvPr>
            <p:custDataLst>
              <p:tags r:id="rId31"/>
            </p:custDataLst>
          </p:nvPr>
        </p:nvSpPr>
        <p:spPr>
          <a:xfrm rot="16200000">
            <a:off x="2999654" y="4335060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057" name="OTLSHAPE_SLM_ddfaa27e5e7242e7b80a77944b4bb008_Shape"/>
          <p:cNvSpPr/>
          <p:nvPr>
            <p:custDataLst>
              <p:tags r:id="rId32"/>
            </p:custDataLst>
          </p:nvPr>
        </p:nvSpPr>
        <p:spPr>
          <a:xfrm rot="16200000">
            <a:off x="7954954" y="4335060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068" name="OTLSHAPE_SLM_e6ede28dc41e42bd8981f697d26db896_Shape"/>
          <p:cNvSpPr/>
          <p:nvPr>
            <p:custDataLst>
              <p:tags r:id="rId33"/>
            </p:custDataLst>
          </p:nvPr>
        </p:nvSpPr>
        <p:spPr>
          <a:xfrm rot="16200000">
            <a:off x="8570224" y="491011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4" name="OTLSHAPE_SLM_b69080f72692487692e88d6096ea4830_Shape">
            <a:extLst>
              <a:ext uri="{FF2B5EF4-FFF2-40B4-BE49-F238E27FC236}">
                <a16:creationId xmlns:a16="http://schemas.microsoft.com/office/drawing/2014/main" id="{61426D02-2A49-2AEB-6F6D-309710D3F83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 rot="16200000">
            <a:off x="7737375" y="5570432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M_40e36174666c430e9d4a30c184e4ad41_Shape">
            <a:extLst>
              <a:ext uri="{FF2B5EF4-FFF2-40B4-BE49-F238E27FC236}">
                <a16:creationId xmlns:a16="http://schemas.microsoft.com/office/drawing/2014/main" id="{F7831F31-8C7D-EE30-79C1-3ED88C7215D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rot="16200000">
            <a:off x="6903086" y="491011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M_1d93ba12612a433194c9a84fb1787a31_Shape">
            <a:extLst>
              <a:ext uri="{FF2B5EF4-FFF2-40B4-BE49-F238E27FC236}">
                <a16:creationId xmlns:a16="http://schemas.microsoft.com/office/drawing/2014/main" id="{0762F736-6CBE-0CDD-73D5-B7FCE48CA99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10015459" y="4335060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e358b4fb2d6f4a0b8f601729494ecf12_Shape">
            <a:extLst>
              <a:ext uri="{FF2B5EF4-FFF2-40B4-BE49-F238E27FC236}">
                <a16:creationId xmlns:a16="http://schemas.microsoft.com/office/drawing/2014/main" id="{E8E217C8-A43C-A248-FF78-221CF9D425E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7998181" y="375223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M_c0fb8faf1c6b4b49a56b32ec2fdfe0a4_Shape">
            <a:extLst>
              <a:ext uri="{FF2B5EF4-FFF2-40B4-BE49-F238E27FC236}">
                <a16:creationId xmlns:a16="http://schemas.microsoft.com/office/drawing/2014/main" id="{69BE50B0-47DF-9B8A-F6DD-5AABD7AD3B2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rot="16200000">
            <a:off x="5584651" y="375223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M_b016b4a5f1634f7ca475295d02b0316d_Shape">
            <a:extLst>
              <a:ext uri="{FF2B5EF4-FFF2-40B4-BE49-F238E27FC236}">
                <a16:creationId xmlns:a16="http://schemas.microsoft.com/office/drawing/2014/main" id="{81D1DB9C-E65E-252A-A5F1-A8BB65CF399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rot="16200000">
            <a:off x="10116323" y="491011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6" name="OTLSHAPE_SLM_217282147b5e401abd5d117a7d567e79_Shape">
            <a:extLst>
              <a:ext uri="{FF2B5EF4-FFF2-40B4-BE49-F238E27FC236}">
                <a16:creationId xmlns:a16="http://schemas.microsoft.com/office/drawing/2014/main" id="{F32B2CED-3144-7FEC-649C-5ED75982F7F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16200000">
            <a:off x="9139384" y="5570432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8" name="OTLSHAPE_SLM_6f5e31ed49194531b998891026658ead_Shape">
            <a:extLst>
              <a:ext uri="{FF2B5EF4-FFF2-40B4-BE49-F238E27FC236}">
                <a16:creationId xmlns:a16="http://schemas.microsoft.com/office/drawing/2014/main" id="{E3030276-8C36-CC34-B61C-77C69C53513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 rot="16200000">
            <a:off x="10673956" y="3752236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6" name="OTLSHAPE_SL_60f0b1b6b90141e082ed84f13c77e57b_Header"/>
          <p:cNvSpPr txBox="1"/>
          <p:nvPr>
            <p:custDataLst>
              <p:tags r:id="rId42"/>
            </p:custDataLst>
          </p:nvPr>
        </p:nvSpPr>
        <p:spPr>
          <a:xfrm>
            <a:off x="63500" y="4782629"/>
            <a:ext cx="6604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ro-RO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930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907965" y="30464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4931" name="OTLSHAPE_TB_00000000000000000000000000000000_TimescaleInterval2"/>
          <p:cNvSpPr txBox="1"/>
          <p:nvPr>
            <p:custDataLst>
              <p:tags r:id="rId44"/>
            </p:custDataLst>
          </p:nvPr>
        </p:nvSpPr>
        <p:spPr>
          <a:xfrm>
            <a:off x="1959832" y="30464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4932" name="OTLSHAPE_TB_00000000000000000000000000000000_TimescaleInterval3"/>
          <p:cNvSpPr txBox="1"/>
          <p:nvPr>
            <p:custDataLst>
              <p:tags r:id="rId45"/>
            </p:custDataLst>
          </p:nvPr>
        </p:nvSpPr>
        <p:spPr>
          <a:xfrm>
            <a:off x="3013140" y="30464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4933" name="OTLSHAPE_TB_00000000000000000000000000000000_TimescaleInterval4"/>
          <p:cNvSpPr txBox="1"/>
          <p:nvPr>
            <p:custDataLst>
              <p:tags r:id="rId46"/>
            </p:custDataLst>
          </p:nvPr>
        </p:nvSpPr>
        <p:spPr>
          <a:xfrm>
            <a:off x="4065006" y="30464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4934" name="OTLSHAPE_TB_00000000000000000000000000000000_TimescaleInterval5"/>
          <p:cNvSpPr txBox="1"/>
          <p:nvPr>
            <p:custDataLst>
              <p:tags r:id="rId47"/>
            </p:custDataLst>
          </p:nvPr>
        </p:nvSpPr>
        <p:spPr>
          <a:xfrm>
            <a:off x="5118314" y="30464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4935" name="OTLSHAPE_TB_00000000000000000000000000000000_TimescaleInterval6"/>
          <p:cNvSpPr txBox="1"/>
          <p:nvPr>
            <p:custDataLst>
              <p:tags r:id="rId48"/>
            </p:custDataLst>
          </p:nvPr>
        </p:nvSpPr>
        <p:spPr>
          <a:xfrm>
            <a:off x="6170180" y="30464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4936" name="OTLSHAPE_TB_00000000000000000000000000000000_TimescaleInterval7"/>
          <p:cNvSpPr txBox="1"/>
          <p:nvPr>
            <p:custDataLst>
              <p:tags r:id="rId49"/>
            </p:custDataLst>
          </p:nvPr>
        </p:nvSpPr>
        <p:spPr>
          <a:xfrm>
            <a:off x="7223488" y="30464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4" name="OTLSHAPE_SLM_4df71ff35713433d903f304dcf3d9073_Title"/>
          <p:cNvSpPr txBox="1"/>
          <p:nvPr>
            <p:custDataLst>
              <p:tags r:id="rId50"/>
            </p:custDataLst>
          </p:nvPr>
        </p:nvSpPr>
        <p:spPr>
          <a:xfrm>
            <a:off x="2336596" y="366426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4">
                <a:solidFill>
                  <a:schemeClr val="dk1"/>
                </a:solidFill>
                <a:latin typeface="Calibri" panose="020F0502020204030204" pitchFamily="34" charset="0"/>
              </a:rPr>
              <a:t>In-video ads</a:t>
            </a:r>
          </a:p>
        </p:txBody>
      </p:sp>
      <p:sp>
        <p:nvSpPr>
          <p:cNvPr id="35" name="OTLSHAPE_SLM_4df71ff35713433d903f304dcf3d9073_Date"/>
          <p:cNvSpPr txBox="1"/>
          <p:nvPr>
            <p:custDataLst>
              <p:tags r:id="rId51"/>
            </p:custDataLst>
          </p:nvPr>
        </p:nvSpPr>
        <p:spPr>
          <a:xfrm>
            <a:off x="2336596" y="383478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43" name="OTLSHAPE_SLM_cc8338edeeb54fbc804f6091641f16f4_Title"/>
          <p:cNvSpPr txBox="1"/>
          <p:nvPr>
            <p:custDataLst>
              <p:tags r:id="rId52"/>
            </p:custDataLst>
          </p:nvPr>
        </p:nvSpPr>
        <p:spPr>
          <a:xfrm>
            <a:off x="2417918" y="4822148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chemeClr val="dk1"/>
                </a:solidFill>
                <a:latin typeface="Calibri" panose="020F0502020204030204" pitchFamily="34" charset="0"/>
              </a:rPr>
              <a:t>YouTube Rentals</a:t>
            </a:r>
          </a:p>
        </p:txBody>
      </p:sp>
      <p:sp>
        <p:nvSpPr>
          <p:cNvPr id="44" name="OTLSHAPE_SLM_cc8338edeeb54fbc804f6091641f16f4_Date"/>
          <p:cNvSpPr txBox="1"/>
          <p:nvPr>
            <p:custDataLst>
              <p:tags r:id="rId53"/>
            </p:custDataLst>
          </p:nvPr>
        </p:nvSpPr>
        <p:spPr>
          <a:xfrm>
            <a:off x="3060368" y="499266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 dirty="0">
                <a:solidFill>
                  <a:srgbClr val="6F6F6F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58" name="OTLSHAPE_SLM_0db1b81ad3c5499593b500cc0891684f_Title"/>
          <p:cNvSpPr txBox="1"/>
          <p:nvPr>
            <p:custDataLst>
              <p:tags r:id="rId54"/>
            </p:custDataLst>
          </p:nvPr>
        </p:nvSpPr>
        <p:spPr>
          <a:xfrm>
            <a:off x="3616844" y="366426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16">
                <a:solidFill>
                  <a:schemeClr val="dk1"/>
                </a:solidFill>
                <a:latin typeface="Calibri" panose="020F0502020204030204" pitchFamily="34" charset="0"/>
              </a:rPr>
              <a:t>YouTube Live</a:t>
            </a:r>
            <a:endParaRPr lang="ro-RO" sz="1100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M_0db1b81ad3c5499593b500cc0891684f_Date"/>
          <p:cNvSpPr txBox="1"/>
          <p:nvPr>
            <p:custDataLst>
              <p:tags r:id="rId55"/>
            </p:custDataLst>
          </p:nvPr>
        </p:nvSpPr>
        <p:spPr>
          <a:xfrm>
            <a:off x="4067566" y="383478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4870" name="OTLSHAPE_SLM_f4257ade8e244f5bb16f3302fb66e890_Title"/>
          <p:cNvSpPr txBox="1"/>
          <p:nvPr>
            <p:custDataLst>
              <p:tags r:id="rId56"/>
            </p:custDataLst>
          </p:nvPr>
        </p:nvSpPr>
        <p:spPr>
          <a:xfrm>
            <a:off x="7424460" y="4822148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8">
                <a:solidFill>
                  <a:schemeClr val="dk1"/>
                </a:solidFill>
                <a:latin typeface="Calibri" panose="020F0502020204030204" pitchFamily="34" charset="0"/>
              </a:rPr>
              <a:t>YouTube TV</a:t>
            </a:r>
          </a:p>
        </p:txBody>
      </p:sp>
      <p:sp>
        <p:nvSpPr>
          <p:cNvPr id="4871" name="OTLSHAPE_SLM_f4257ade8e244f5bb16f3302fb66e890_Date"/>
          <p:cNvSpPr txBox="1"/>
          <p:nvPr>
            <p:custDataLst>
              <p:tags r:id="rId57"/>
            </p:custDataLst>
          </p:nvPr>
        </p:nvSpPr>
        <p:spPr>
          <a:xfrm>
            <a:off x="7424460" y="499266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dirty="0">
                <a:solidFill>
                  <a:srgbClr val="6F6F6F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889" name="OTLSHAPE_SLM_a6afcef06b7f4de69eebf0d493dcfc51_Title"/>
          <p:cNvSpPr txBox="1"/>
          <p:nvPr>
            <p:custDataLst>
              <p:tags r:id="rId58"/>
            </p:custDataLst>
          </p:nvPr>
        </p:nvSpPr>
        <p:spPr>
          <a:xfrm>
            <a:off x="6614056" y="5397204"/>
            <a:ext cx="762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New logo for the first time</a:t>
            </a:r>
            <a:endParaRPr lang="ro-RO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90" name="OTLSHAPE_SLM_a6afcef06b7f4de69eebf0d493dcfc51_Date"/>
          <p:cNvSpPr txBox="1"/>
          <p:nvPr>
            <p:custDataLst>
              <p:tags r:id="rId59"/>
            </p:custDataLst>
          </p:nvPr>
        </p:nvSpPr>
        <p:spPr>
          <a:xfrm>
            <a:off x="7090602" y="573824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904" name="OTLSHAPE_SLM_4b21d50481254914bafaedf1af6810ff_Title"/>
          <p:cNvSpPr txBox="1"/>
          <p:nvPr>
            <p:custDataLst>
              <p:tags r:id="rId60"/>
            </p:custDataLst>
          </p:nvPr>
        </p:nvSpPr>
        <p:spPr>
          <a:xfrm>
            <a:off x="1055937" y="3579008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ro-RO" sz="1100" spc="-4">
                <a:solidFill>
                  <a:schemeClr val="dk1"/>
                </a:solidFill>
                <a:latin typeface="Calibri" panose="020F0502020204030204" pitchFamily="34" charset="0"/>
              </a:rPr>
              <a:t>Filtering launched</a:t>
            </a:r>
          </a:p>
        </p:txBody>
      </p:sp>
      <p:sp>
        <p:nvSpPr>
          <p:cNvPr id="4905" name="OTLSHAPE_SLM_4b21d50481254914bafaedf1af6810ff_Date"/>
          <p:cNvSpPr txBox="1"/>
          <p:nvPr>
            <p:custDataLst>
              <p:tags r:id="rId61"/>
            </p:custDataLst>
          </p:nvPr>
        </p:nvSpPr>
        <p:spPr>
          <a:xfrm>
            <a:off x="1293809" y="392004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4907" name="OTLSHAPE_SLM_2f4e4f650d504eac853f7cf1d94180da_Title"/>
          <p:cNvSpPr txBox="1"/>
          <p:nvPr>
            <p:custDataLst>
              <p:tags r:id="rId62"/>
            </p:custDataLst>
          </p:nvPr>
        </p:nvSpPr>
        <p:spPr>
          <a:xfrm>
            <a:off x="1043426" y="4161832"/>
            <a:ext cx="939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ro-RO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You</a:t>
            </a:r>
            <a:r>
              <a:rPr lang="en-GB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T</a:t>
            </a:r>
            <a:r>
              <a:rPr lang="ro-RO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ube's Partner Program</a:t>
            </a:r>
          </a:p>
        </p:txBody>
      </p:sp>
      <p:sp>
        <p:nvSpPr>
          <p:cNvPr id="4908" name="OTLSHAPE_SLM_2f4e4f650d504eac853f7cf1d94180da_Date"/>
          <p:cNvSpPr txBox="1"/>
          <p:nvPr>
            <p:custDataLst>
              <p:tags r:id="rId63"/>
            </p:custDataLst>
          </p:nvPr>
        </p:nvSpPr>
        <p:spPr>
          <a:xfrm>
            <a:off x="1697264" y="450287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4911" name="OTLSHAPE_SLM_cc7852c0d7904c58a364b02b857ece47_Title"/>
          <p:cNvSpPr txBox="1"/>
          <p:nvPr>
            <p:custDataLst>
              <p:tags r:id="rId64"/>
            </p:custDataLst>
          </p:nvPr>
        </p:nvSpPr>
        <p:spPr>
          <a:xfrm>
            <a:off x="5639795" y="4247092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8">
                <a:solidFill>
                  <a:schemeClr val="dk1"/>
                </a:solidFill>
                <a:latin typeface="Calibri" panose="020F0502020204030204" pitchFamily="34" charset="0"/>
              </a:rPr>
              <a:t>YouTube Red</a:t>
            </a:r>
          </a:p>
        </p:txBody>
      </p:sp>
      <p:sp>
        <p:nvSpPr>
          <p:cNvPr id="4912" name="OTLSHAPE_SLM_cc7852c0d7904c58a364b02b857ece47_Date"/>
          <p:cNvSpPr txBox="1"/>
          <p:nvPr>
            <p:custDataLst>
              <p:tags r:id="rId65"/>
            </p:custDataLst>
          </p:nvPr>
        </p:nvSpPr>
        <p:spPr>
          <a:xfrm>
            <a:off x="6084845" y="441761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4917" name="OTLSHAPE_SLM_fce46ddac8b04e28a64d3c6e89ea9317_Title"/>
          <p:cNvSpPr txBox="1"/>
          <p:nvPr>
            <p:custDataLst>
              <p:tags r:id="rId66"/>
            </p:custDataLst>
          </p:nvPr>
        </p:nvSpPr>
        <p:spPr>
          <a:xfrm>
            <a:off x="4831729" y="4736888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spc="-6">
                <a:solidFill>
                  <a:schemeClr val="dk1"/>
                </a:solidFill>
                <a:latin typeface="Calibri" panose="020F0502020204030204" pitchFamily="34" charset="0"/>
              </a:rPr>
              <a:t>60 fps videos are introduced</a:t>
            </a:r>
            <a:endParaRPr lang="ro-RO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18" name="OTLSHAPE_SLM_fce46ddac8b04e28a64d3c6e89ea9317_Date"/>
          <p:cNvSpPr txBox="1"/>
          <p:nvPr>
            <p:custDataLst>
              <p:tags r:id="rId67"/>
            </p:custDataLst>
          </p:nvPr>
        </p:nvSpPr>
        <p:spPr>
          <a:xfrm>
            <a:off x="5383120" y="507792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4920" name="OTLSHAPE_SLM_6bfc52c590a046d08dc0f3d404c86a94_Title"/>
          <p:cNvSpPr txBox="1"/>
          <p:nvPr>
            <p:custDataLst>
              <p:tags r:id="rId68"/>
            </p:custDataLst>
          </p:nvPr>
        </p:nvSpPr>
        <p:spPr>
          <a:xfrm>
            <a:off x="3215554" y="4161832"/>
            <a:ext cx="1181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Vevo (in partnership with Vivendi)</a:t>
            </a:r>
            <a:endParaRPr lang="ro-RO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21" name="OTLSHAPE_SLM_6bfc52c590a046d08dc0f3d404c86a94_Date"/>
          <p:cNvSpPr txBox="1"/>
          <p:nvPr>
            <p:custDataLst>
              <p:tags r:id="rId69"/>
            </p:custDataLst>
          </p:nvPr>
        </p:nvSpPr>
        <p:spPr>
          <a:xfrm>
            <a:off x="3215554" y="450287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5058" name="OTLSHAPE_SLM_ddfaa27e5e7242e7b80a77944b4bb008_Title"/>
          <p:cNvSpPr txBox="1"/>
          <p:nvPr>
            <p:custDataLst>
              <p:tags r:id="rId70"/>
            </p:custDataLst>
          </p:nvPr>
        </p:nvSpPr>
        <p:spPr>
          <a:xfrm>
            <a:off x="8170854" y="4161832"/>
            <a:ext cx="1384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12">
                <a:solidFill>
                  <a:schemeClr val="dk1"/>
                </a:solidFill>
                <a:latin typeface="Calibri" panose="020F0502020204030204" pitchFamily="34" charset="0"/>
              </a:rPr>
              <a:t>YouTube Red rebranded </a:t>
            </a:r>
          </a:p>
          <a:p>
            <a:r>
              <a:rPr lang="en-GB" sz="1100" spc="-12">
                <a:solidFill>
                  <a:schemeClr val="dk1"/>
                </a:solidFill>
                <a:latin typeface="Calibri" panose="020F0502020204030204" pitchFamily="34" charset="0"/>
              </a:rPr>
              <a:t>as YouTube Premium</a:t>
            </a:r>
            <a:endParaRPr lang="ro-RO" sz="11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59" name="OTLSHAPE_SLM_ddfaa27e5e7242e7b80a77944b4bb008_Date"/>
          <p:cNvSpPr txBox="1"/>
          <p:nvPr>
            <p:custDataLst>
              <p:tags r:id="rId71"/>
            </p:custDataLst>
          </p:nvPr>
        </p:nvSpPr>
        <p:spPr>
          <a:xfrm>
            <a:off x="8170854" y="450287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060" name="OTLSHAPE_TB_00000000000000000000000000000000_TimescaleInterval8"/>
          <p:cNvSpPr txBox="1"/>
          <p:nvPr>
            <p:custDataLst>
              <p:tags r:id="rId72"/>
            </p:custDataLst>
          </p:nvPr>
        </p:nvSpPr>
        <p:spPr>
          <a:xfrm>
            <a:off x="8275355" y="30464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5069" name="OTLSHAPE_SLM_e6ede28dc41e42bd8981f697d26db896_Title"/>
          <p:cNvSpPr txBox="1"/>
          <p:nvPr>
            <p:custDataLst>
              <p:tags r:id="rId73"/>
            </p:custDataLst>
          </p:nvPr>
        </p:nvSpPr>
        <p:spPr>
          <a:xfrm>
            <a:off x="8786124" y="4736888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>
                <a:solidFill>
                  <a:schemeClr val="dk1"/>
                </a:solidFill>
                <a:latin typeface="Calibri" panose="020F0502020204030204" pitchFamily="34" charset="0"/>
              </a:rPr>
              <a:t>Creator Studio phased out</a:t>
            </a:r>
            <a:endParaRPr lang="ro-RO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70" name="OTLSHAPE_SLM_e6ede28dc41e42bd8981f697d26db896_Date"/>
          <p:cNvSpPr txBox="1"/>
          <p:nvPr>
            <p:custDataLst>
              <p:tags r:id="rId74"/>
            </p:custDataLst>
          </p:nvPr>
        </p:nvSpPr>
        <p:spPr>
          <a:xfrm>
            <a:off x="8786124" y="507792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>
                <a:solidFill>
                  <a:srgbClr val="6F6F6F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5" name="OTLSHAPE_SLM_b69080f72692487692e88d6096ea4830_Title">
            <a:extLst>
              <a:ext uri="{FF2B5EF4-FFF2-40B4-BE49-F238E27FC236}">
                <a16:creationId xmlns:a16="http://schemas.microsoft.com/office/drawing/2014/main" id="{294F56FE-F325-51D2-43CA-607EF3D689F1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953275" y="5311944"/>
            <a:ext cx="8001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YouTube headquarters shooting</a:t>
            </a:r>
          </a:p>
        </p:txBody>
      </p:sp>
      <p:sp>
        <p:nvSpPr>
          <p:cNvPr id="16" name="OTLSHAPE_SLM_b69080f72692487692e88d6096ea4830_Date">
            <a:extLst>
              <a:ext uri="{FF2B5EF4-FFF2-40B4-BE49-F238E27FC236}">
                <a16:creationId xmlns:a16="http://schemas.microsoft.com/office/drawing/2014/main" id="{D9F4A7FC-D43D-D864-2490-365FAA5B947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953275" y="58235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 dirty="0">
                <a:solidFill>
                  <a:srgbClr val="6F6F6F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0" name="OTLSHAPE_TB_00000000000000000000000000000000_TimescaleInterval9">
            <a:extLst>
              <a:ext uri="{FF2B5EF4-FFF2-40B4-BE49-F238E27FC236}">
                <a16:creationId xmlns:a16="http://schemas.microsoft.com/office/drawing/2014/main" id="{422C5BAA-CE51-9255-75B6-808376554C1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328662" y="30464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3" name="OTLSHAPE_SLM_40e36174666c430e9d4a30c184e4ad41_Title">
            <a:extLst>
              <a:ext uri="{FF2B5EF4-FFF2-40B4-BE49-F238E27FC236}">
                <a16:creationId xmlns:a16="http://schemas.microsoft.com/office/drawing/2014/main" id="{2707CCEA-3943-B108-E3A2-51950E9C08C7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178467" y="482214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8">
                <a:solidFill>
                  <a:schemeClr val="dk1"/>
                </a:solidFill>
                <a:latin typeface="Calibri" panose="020F0502020204030204" pitchFamily="34" charset="0"/>
              </a:rPr>
              <a:t>YouTube Go</a:t>
            </a:r>
          </a:p>
        </p:txBody>
      </p:sp>
      <p:sp>
        <p:nvSpPr>
          <p:cNvPr id="24" name="OTLSHAPE_SLM_40e36174666c430e9d4a30c184e4ad41_Date">
            <a:extLst>
              <a:ext uri="{FF2B5EF4-FFF2-40B4-BE49-F238E27FC236}">
                <a16:creationId xmlns:a16="http://schemas.microsoft.com/office/drawing/2014/main" id="{98D81F5D-FD0E-6F09-B615-A010DA0E9C8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568992" y="499266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14">
                <a:solidFill>
                  <a:srgbClr val="6F6F6F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26" name="OTLSHAPE_SLM_1d93ba12612a433194c9a84fb1787a31_Title">
            <a:extLst>
              <a:ext uri="{FF2B5EF4-FFF2-40B4-BE49-F238E27FC236}">
                <a16:creationId xmlns:a16="http://schemas.microsoft.com/office/drawing/2014/main" id="{2E6F84D6-7AC4-7BD8-95B2-8266C004A03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231359" y="4161832"/>
            <a:ext cx="812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YouTube Go shutting down</a:t>
            </a:r>
          </a:p>
        </p:txBody>
      </p:sp>
      <p:sp>
        <p:nvSpPr>
          <p:cNvPr id="27" name="OTLSHAPE_SLM_1d93ba12612a433194c9a84fb1787a31_Date">
            <a:extLst>
              <a:ext uri="{FF2B5EF4-FFF2-40B4-BE49-F238E27FC236}">
                <a16:creationId xmlns:a16="http://schemas.microsoft.com/office/drawing/2014/main" id="{DEFC83DA-A3D1-86CF-1E98-550575D136A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231359" y="450287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>
                <a:solidFill>
                  <a:srgbClr val="6F6F6F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1" name="OTLSHAPE_SLM_e358b4fb2d6f4a0b8f601729494ecf12_Title">
            <a:extLst>
              <a:ext uri="{FF2B5EF4-FFF2-40B4-BE49-F238E27FC236}">
                <a16:creationId xmlns:a16="http://schemas.microsoft.com/office/drawing/2014/main" id="{32E81C2C-A8B8-D259-FA63-1B1278E5439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214081" y="3579008"/>
            <a:ext cx="1155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Video Reach advertising platform</a:t>
            </a:r>
          </a:p>
        </p:txBody>
      </p:sp>
      <p:sp>
        <p:nvSpPr>
          <p:cNvPr id="32" name="OTLSHAPE_SLM_e358b4fb2d6f4a0b8f601729494ecf12_Date">
            <a:extLst>
              <a:ext uri="{FF2B5EF4-FFF2-40B4-BE49-F238E27FC236}">
                <a16:creationId xmlns:a16="http://schemas.microsoft.com/office/drawing/2014/main" id="{44C2A4A0-F52D-310C-5B43-71AE719499E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214081" y="392004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>
                <a:solidFill>
                  <a:srgbClr val="6F6F6F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958" name="OTLSHAPE_SLM_c0fb8faf1c6b4b49a56b32ec2fdfe0a4_Title">
            <a:extLst>
              <a:ext uri="{FF2B5EF4-FFF2-40B4-BE49-F238E27FC236}">
                <a16:creationId xmlns:a16="http://schemas.microsoft.com/office/drawing/2014/main" id="{869B9457-5B00-B5C2-D3B1-D8BAFAE68AB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800551" y="3579008"/>
            <a:ext cx="1219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Turkey bans YouTube (2</a:t>
            </a:r>
            <a:r>
              <a:rPr lang="en-GB" sz="1100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 time)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59" name="OTLSHAPE_SLM_c0fb8faf1c6b4b49a56b32ec2fdfe0a4_Date">
            <a:extLst>
              <a:ext uri="{FF2B5EF4-FFF2-40B4-BE49-F238E27FC236}">
                <a16:creationId xmlns:a16="http://schemas.microsoft.com/office/drawing/2014/main" id="{AFBB3427-A336-CC2A-E205-BF210670030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800551" y="392004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 dirty="0">
                <a:solidFill>
                  <a:srgbClr val="6F6F6F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17" name="OTLSHAPE_SLM_b016b4a5f1634f7ca475295d02b0316d_Date">
            <a:extLst>
              <a:ext uri="{FF2B5EF4-FFF2-40B4-BE49-F238E27FC236}">
                <a16:creationId xmlns:a16="http://schemas.microsoft.com/office/drawing/2014/main" id="{B7CF7294-3F1A-EC05-58AB-52E2DD57C8F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332223" y="4984898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>
                <a:solidFill>
                  <a:srgbClr val="6F6F6F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8" name="OTLSHAPE_SLM_b016b4a5f1634f7ca475295d02b0316d_Title">
            <a:extLst>
              <a:ext uri="{FF2B5EF4-FFF2-40B4-BE49-F238E27FC236}">
                <a16:creationId xmlns:a16="http://schemas.microsoft.com/office/drawing/2014/main" id="{5CA938A7-2C12-2A79-0D6B-D204C988D9F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332223" y="481437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Handles</a:t>
            </a:r>
          </a:p>
        </p:txBody>
      </p:sp>
      <p:sp>
        <p:nvSpPr>
          <p:cNvPr id="19" name="OTLSHAPE_TB_00000000000000000000000000000000_TimescaleInterval10">
            <a:extLst>
              <a:ext uri="{FF2B5EF4-FFF2-40B4-BE49-F238E27FC236}">
                <a16:creationId xmlns:a16="http://schemas.microsoft.com/office/drawing/2014/main" id="{CDE4D24E-713F-4899-2A61-F32C14A3DF8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380529" y="30464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957" name="OTLSHAPE_SLM_217282147b5e401abd5d117a7d567e79_Date">
            <a:extLst>
              <a:ext uri="{FF2B5EF4-FFF2-40B4-BE49-F238E27FC236}">
                <a16:creationId xmlns:a16="http://schemas.microsoft.com/office/drawing/2014/main" id="{A52BFE84-EB5E-418F-6F11-DCC5F9DF1F0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355284" y="57304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>
                <a:solidFill>
                  <a:srgbClr val="6F6F6F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960" name="OTLSHAPE_SLM_217282147b5e401abd5d117a7d567e79_Title">
            <a:extLst>
              <a:ext uri="{FF2B5EF4-FFF2-40B4-BE49-F238E27FC236}">
                <a16:creationId xmlns:a16="http://schemas.microsoft.com/office/drawing/2014/main" id="{D316F8DF-D856-3230-4CFD-8B6201EAF1B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355284" y="5389435"/>
            <a:ext cx="711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Removes dislike count</a:t>
            </a:r>
          </a:p>
        </p:txBody>
      </p:sp>
      <p:sp>
        <p:nvSpPr>
          <p:cNvPr id="4966" name="OTLSHAPE_SLM_6f5e31ed49194531b998891026658ead_Date">
            <a:extLst>
              <a:ext uri="{FF2B5EF4-FFF2-40B4-BE49-F238E27FC236}">
                <a16:creationId xmlns:a16="http://schemas.microsoft.com/office/drawing/2014/main" id="{88554811-E434-C31F-2B20-0BF5E71B201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889856" y="3912277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>
                <a:solidFill>
                  <a:srgbClr val="6F6F6F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967" name="OTLSHAPE_SLM_6f5e31ed49194531b998891026658ead_Title">
            <a:extLst>
              <a:ext uri="{FF2B5EF4-FFF2-40B4-BE49-F238E27FC236}">
                <a16:creationId xmlns:a16="http://schemas.microsoft.com/office/drawing/2014/main" id="{DB3E1472-3B2C-2712-9AAF-2A31943730E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0889856" y="3571240"/>
            <a:ext cx="847442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Crackdown </a:t>
            </a:r>
          </a:p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ad blockers</a:t>
            </a:r>
          </a:p>
        </p:txBody>
      </p:sp>
      <p:sp>
        <p:nvSpPr>
          <p:cNvPr id="4865" name="OTLSHAPE_M_40df1144ea504ae9aaf63194cec3a285_Shape"/>
          <p:cNvSpPr/>
          <p:nvPr>
            <p:custDataLst>
              <p:tags r:id="rId93"/>
            </p:custDataLst>
          </p:nvPr>
        </p:nvSpPr>
        <p:spPr>
          <a:xfrm rot="16200000">
            <a:off x="941055" y="1375356"/>
            <a:ext cx="165100" cy="165100"/>
          </a:xfrm>
          <a:prstGeom prst="flowChartMerg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68" name="OTLSHAPE_M_bce64c567ef44a79b03257e96ed839ae_Shape"/>
          <p:cNvSpPr/>
          <p:nvPr>
            <p:custDataLst>
              <p:tags r:id="rId94"/>
            </p:custDataLst>
          </p:nvPr>
        </p:nvSpPr>
        <p:spPr>
          <a:xfrm flipV="1">
            <a:off x="3034185" y="2758440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75" name="OTLSHAPE_M_99c4a161a1c54303976a00efbae67e70_Shape"/>
          <p:cNvSpPr/>
          <p:nvPr>
            <p:custDataLst>
              <p:tags r:id="rId95"/>
            </p:custDataLst>
          </p:nvPr>
        </p:nvSpPr>
        <p:spPr>
          <a:xfrm flipV="1">
            <a:off x="6519754" y="2758440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79" name="OTLSHAPE_M_64ed9ba0157a45e69d7ea135b50e09fd_Shape"/>
          <p:cNvSpPr/>
          <p:nvPr>
            <p:custDataLst>
              <p:tags r:id="rId96"/>
            </p:custDataLst>
          </p:nvPr>
        </p:nvSpPr>
        <p:spPr>
          <a:xfrm flipV="1">
            <a:off x="4897285" y="2758440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98" name="OTLSHAPE_M_4831248813c24ae596fbfe9c23c37173_Shape"/>
          <p:cNvSpPr/>
          <p:nvPr>
            <p:custDataLst>
              <p:tags r:id="rId97"/>
            </p:custDataLst>
          </p:nvPr>
        </p:nvSpPr>
        <p:spPr>
          <a:xfrm flipV="1">
            <a:off x="3230149" y="2758440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09" name="OTLSHAPE_M_91d779e2d9dd4d0aac1e19feef0bf55e_Shape"/>
          <p:cNvSpPr/>
          <p:nvPr>
            <p:custDataLst>
              <p:tags r:id="rId98"/>
            </p:custDataLst>
          </p:nvPr>
        </p:nvSpPr>
        <p:spPr>
          <a:xfrm flipV="1">
            <a:off x="1650908" y="2758440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067" name="OTLSHAPE_M_8eb1e94f7bd74cd0a14ae9e2577c47f5_Shape"/>
          <p:cNvSpPr/>
          <p:nvPr>
            <p:custDataLst>
              <p:tags r:id="rId99"/>
            </p:custDataLst>
          </p:nvPr>
        </p:nvSpPr>
        <p:spPr>
          <a:xfrm flipV="1">
            <a:off x="8843947" y="2758440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940" name="OTLSHAPE_M_de3dabe334f246e28c7f982882c17b9a_Shape">
            <a:extLst>
              <a:ext uri="{FF2B5EF4-FFF2-40B4-BE49-F238E27FC236}">
                <a16:creationId xmlns:a16="http://schemas.microsoft.com/office/drawing/2014/main" id="{55C8E0C0-8464-D564-F1EC-A823B4571FA1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 flipV="1">
            <a:off x="1233043" y="2758440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5" name="OTLSHAPE_M_a7a6aabbf9a241dead0105d9c1dca8fa_Shape">
            <a:extLst>
              <a:ext uri="{FF2B5EF4-FFF2-40B4-BE49-F238E27FC236}">
                <a16:creationId xmlns:a16="http://schemas.microsoft.com/office/drawing/2014/main" id="{C2027975-B46A-0307-5988-88F8518C39CE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 flipV="1">
            <a:off x="9678236" y="2758440"/>
            <a:ext cx="228600" cy="254000"/>
          </a:xfrm>
          <a:prstGeom prst="triangle">
            <a:avLst/>
          </a:prstGeom>
          <a:solidFill>
            <a:srgbClr val="F4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M_fbe5e9da6e474220924171ce3e9946aa_Shape">
            <a:extLst>
              <a:ext uri="{FF2B5EF4-FFF2-40B4-BE49-F238E27FC236}">
                <a16:creationId xmlns:a16="http://schemas.microsoft.com/office/drawing/2014/main" id="{2693ECCD-FBCE-C06C-D5ED-B74C67679C7F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 flipV="1">
            <a:off x="10421747" y="2758440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7" name="OTLSHAPE_M_79cb1d6bea0c4efba0d54c3a3dc3007f_Shape">
            <a:extLst>
              <a:ext uri="{FF2B5EF4-FFF2-40B4-BE49-F238E27FC236}">
                <a16:creationId xmlns:a16="http://schemas.microsoft.com/office/drawing/2014/main" id="{FDB8EC88-6467-63DC-BDF9-84B1E3FEB0E6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 flipV="1">
            <a:off x="10270451" y="2758440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4" name="OTLSHAPE_M_c5156af2c87d478da83ee4bd3f3b9833_Shape">
            <a:extLst>
              <a:ext uri="{FF2B5EF4-FFF2-40B4-BE49-F238E27FC236}">
                <a16:creationId xmlns:a16="http://schemas.microsoft.com/office/drawing/2014/main" id="{12948A65-CB56-02C2-64AF-7562E1480A37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 flipV="1">
            <a:off x="10816557" y="2758440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62" name="OTLSHAPE_M_40df1144ea504ae9aaf63194cec3a285_Title"/>
          <p:cNvSpPr txBox="1"/>
          <p:nvPr>
            <p:custDataLst>
              <p:tags r:id="rId105"/>
            </p:custDataLst>
          </p:nvPr>
        </p:nvSpPr>
        <p:spPr>
          <a:xfrm>
            <a:off x="1137905" y="124151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12" dirty="0">
                <a:solidFill>
                  <a:schemeClr val="dk1"/>
                </a:solidFill>
                <a:latin typeface="Calibri" panose="020F0502020204030204" pitchFamily="34" charset="0"/>
              </a:rPr>
              <a:t>YouTube.com registered</a:t>
            </a:r>
          </a:p>
        </p:txBody>
      </p:sp>
      <p:sp>
        <p:nvSpPr>
          <p:cNvPr id="4963" name="OTLSHAPE_M_40df1144ea504ae9aaf63194cec3a285_Date"/>
          <p:cNvSpPr txBox="1"/>
          <p:nvPr>
            <p:custDataLst>
              <p:tags r:id="rId106"/>
            </p:custDataLst>
          </p:nvPr>
        </p:nvSpPr>
        <p:spPr>
          <a:xfrm>
            <a:off x="1137905" y="1437438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dirty="0">
                <a:solidFill>
                  <a:srgbClr val="6F6F6F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4866" name="OTLSHAPE_M_bce64c567ef44a79b03257e96ed839ae_Title"/>
          <p:cNvSpPr txBox="1"/>
          <p:nvPr>
            <p:custDataLst>
              <p:tags r:id="rId107"/>
            </p:custDataLst>
          </p:nvPr>
        </p:nvSpPr>
        <p:spPr>
          <a:xfrm>
            <a:off x="2704810" y="1728793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Peabody Award</a:t>
            </a:r>
          </a:p>
        </p:txBody>
      </p:sp>
      <p:sp>
        <p:nvSpPr>
          <p:cNvPr id="4867" name="OTLSHAPE_M_bce64c567ef44a79b03257e96ed839ae_Date"/>
          <p:cNvSpPr txBox="1"/>
          <p:nvPr>
            <p:custDataLst>
              <p:tags r:id="rId108"/>
            </p:custDataLst>
          </p:nvPr>
        </p:nvSpPr>
        <p:spPr>
          <a:xfrm>
            <a:off x="2993968" y="1924711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 dirty="0">
                <a:solidFill>
                  <a:srgbClr val="6F6F6F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4873" name="OTLSHAPE_M_99c4a161a1c54303976a00efbae67e70_Title"/>
          <p:cNvSpPr txBox="1"/>
          <p:nvPr>
            <p:custDataLst>
              <p:tags r:id="rId109"/>
            </p:custDataLst>
          </p:nvPr>
        </p:nvSpPr>
        <p:spPr>
          <a:xfrm>
            <a:off x="5819052" y="1829066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uys $215 million office park</a:t>
            </a:r>
            <a:endParaRPr lang="ro-RO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74" name="OTLSHAPE_M_99c4a161a1c54303976a00efbae67e70_Date"/>
          <p:cNvSpPr txBox="1"/>
          <p:nvPr>
            <p:custDataLst>
              <p:tags r:id="rId110"/>
            </p:custDataLst>
          </p:nvPr>
        </p:nvSpPr>
        <p:spPr>
          <a:xfrm>
            <a:off x="6479537" y="202498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 dirty="0">
                <a:solidFill>
                  <a:srgbClr val="6F6F6F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4877" name="OTLSHAPE_M_64ed9ba0157a45e69d7ea135b50e09fd_Title"/>
          <p:cNvSpPr txBox="1"/>
          <p:nvPr>
            <p:custDataLst>
              <p:tags r:id="rId111"/>
            </p:custDataLst>
          </p:nvPr>
        </p:nvSpPr>
        <p:spPr>
          <a:xfrm>
            <a:off x="4379930" y="2198066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First 1 billion-hit video</a:t>
            </a:r>
            <a:endParaRPr lang="ro-RO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78" name="OTLSHAPE_M_64ed9ba0157a45e69d7ea135b50e09fd_Date"/>
          <p:cNvSpPr txBox="1"/>
          <p:nvPr>
            <p:custDataLst>
              <p:tags r:id="rId112"/>
            </p:custDataLst>
          </p:nvPr>
        </p:nvSpPr>
        <p:spPr>
          <a:xfrm>
            <a:off x="4857069" y="239398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 dirty="0">
                <a:solidFill>
                  <a:srgbClr val="6F6F6F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4893" name="OTLSHAPE_M_4831248813c24ae596fbfe9c23c37173_Title"/>
          <p:cNvSpPr txBox="1"/>
          <p:nvPr>
            <p:custDataLst>
              <p:tags r:id="rId113"/>
            </p:custDataLst>
          </p:nvPr>
        </p:nvSpPr>
        <p:spPr>
          <a:xfrm>
            <a:off x="2817039" y="2225066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1 billion views/day</a:t>
            </a:r>
          </a:p>
        </p:txBody>
      </p:sp>
      <p:sp>
        <p:nvSpPr>
          <p:cNvPr id="4894" name="OTLSHAPE_M_4831248813c24ae596fbfe9c23c37173_Date"/>
          <p:cNvSpPr txBox="1"/>
          <p:nvPr>
            <p:custDataLst>
              <p:tags r:id="rId114"/>
            </p:custDataLst>
          </p:nvPr>
        </p:nvSpPr>
        <p:spPr>
          <a:xfrm>
            <a:off x="3189932" y="242098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>
                <a:solidFill>
                  <a:srgbClr val="6F6F6F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4900" name="OTLSHAPE_M_91d779e2d9dd4d0aac1e19feef0bf55e_Title"/>
          <p:cNvSpPr txBox="1"/>
          <p:nvPr>
            <p:custDataLst>
              <p:tags r:id="rId115"/>
            </p:custDataLst>
          </p:nvPr>
        </p:nvSpPr>
        <p:spPr>
          <a:xfrm>
            <a:off x="1210006" y="2234066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100" spc="-4">
                <a:solidFill>
                  <a:schemeClr val="dk1"/>
                </a:solidFill>
                <a:latin typeface="Calibri" panose="020F0502020204030204" pitchFamily="34" charset="0"/>
              </a:rPr>
              <a:t>Acquired by Google</a:t>
            </a:r>
          </a:p>
        </p:txBody>
      </p:sp>
      <p:sp>
        <p:nvSpPr>
          <p:cNvPr id="4901" name="OTLSHAPE_M_91d779e2d9dd4d0aac1e19feef0bf55e_Date"/>
          <p:cNvSpPr txBox="1"/>
          <p:nvPr>
            <p:custDataLst>
              <p:tags r:id="rId116"/>
            </p:custDataLst>
          </p:nvPr>
        </p:nvSpPr>
        <p:spPr>
          <a:xfrm>
            <a:off x="1610691" y="242998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 dirty="0">
                <a:solidFill>
                  <a:srgbClr val="6F6F6F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5061" name="OTLSHAPE_M_8eb1e94f7bd74cd0a14ae9e2577c47f5_Title"/>
          <p:cNvSpPr txBox="1"/>
          <p:nvPr>
            <p:custDataLst>
              <p:tags r:id="rId117"/>
            </p:custDataLst>
          </p:nvPr>
        </p:nvSpPr>
        <p:spPr>
          <a:xfrm>
            <a:off x="8394874" y="2099066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Removes categories</a:t>
            </a:r>
            <a:endParaRPr lang="ro-RO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62" name="OTLSHAPE_M_8eb1e94f7bd74cd0a14ae9e2577c47f5_Date"/>
          <p:cNvSpPr txBox="1"/>
          <p:nvPr>
            <p:custDataLst>
              <p:tags r:id="rId118"/>
            </p:custDataLst>
          </p:nvPr>
        </p:nvSpPr>
        <p:spPr>
          <a:xfrm>
            <a:off x="8803730" y="229498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20">
                <a:solidFill>
                  <a:srgbClr val="6F6F6F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929" name="OTLSHAPE_M_de3dabe334f246e28c7f982882c17b9a_Title">
            <a:extLst>
              <a:ext uri="{FF2B5EF4-FFF2-40B4-BE49-F238E27FC236}">
                <a16:creationId xmlns:a16="http://schemas.microsoft.com/office/drawing/2014/main" id="{0666C357-8317-FC39-A069-DDE5277D634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944732" y="1737793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Official launch</a:t>
            </a:r>
          </a:p>
        </p:txBody>
      </p:sp>
      <p:sp>
        <p:nvSpPr>
          <p:cNvPr id="4938" name="OTLSHAPE_M_de3dabe334f246e28c7f982882c17b9a_Date">
            <a:extLst>
              <a:ext uri="{FF2B5EF4-FFF2-40B4-BE49-F238E27FC236}">
                <a16:creationId xmlns:a16="http://schemas.microsoft.com/office/drawing/2014/main" id="{B1B6D218-4D64-170E-2C9C-7221A726A81B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192826" y="1933711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0">
                <a:solidFill>
                  <a:srgbClr val="6F6F6F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4952" name="OTLSHAPE_M_a7a6aabbf9a241dead0105d9c1dca8fa_Title">
            <a:extLst>
              <a:ext uri="{FF2B5EF4-FFF2-40B4-BE49-F238E27FC236}">
                <a16:creationId xmlns:a16="http://schemas.microsoft.com/office/drawing/2014/main" id="{499B9536-DD88-A9A2-26A7-779C78D639FD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8764153" y="669067"/>
            <a:ext cx="205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Second most popular social network</a:t>
            </a:r>
            <a:endParaRPr lang="en-US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53" name="OTLSHAPE_M_a7a6aabbf9a241dead0105d9c1dca8fa_Date">
            <a:extLst>
              <a:ext uri="{FF2B5EF4-FFF2-40B4-BE49-F238E27FC236}">
                <a16:creationId xmlns:a16="http://schemas.microsoft.com/office/drawing/2014/main" id="{35A7EBCE-8D95-A011-3A97-CC0CCF72BA2A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9650888" y="86498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>
                <a:solidFill>
                  <a:srgbClr val="6F6F6F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2" name="OTLSHAPE_M_fbe5e9da6e474220924171ce3e9946aa_Title">
            <a:extLst>
              <a:ext uri="{FF2B5EF4-FFF2-40B4-BE49-F238E27FC236}">
                <a16:creationId xmlns:a16="http://schemas.microsoft.com/office/drawing/2014/main" id="{6D1E316A-BC72-5540-3337-39049867B654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9719797" y="1173406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>
                <a:solidFill>
                  <a:schemeClr val="dk1"/>
                </a:solidFill>
                <a:latin typeface="Calibri" panose="020F0502020204030204" pitchFamily="34" charset="0"/>
              </a:rPr>
              <a:t>Shorts &gt;50 billion daily views</a:t>
            </a:r>
            <a:endParaRPr lang="en-US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M_fbe5e9da6e474220924171ce3e9946aa_Date">
            <a:extLst>
              <a:ext uri="{FF2B5EF4-FFF2-40B4-BE49-F238E27FC236}">
                <a16:creationId xmlns:a16="http://schemas.microsoft.com/office/drawing/2014/main" id="{809931B9-63E2-E305-4A17-06F45983E88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0381530" y="136932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0">
                <a:solidFill>
                  <a:srgbClr val="6F6F6F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941" name="OTLSHAPE_M_79cb1d6bea0c4efba0d54c3a3dc3007f_Title">
            <a:extLst>
              <a:ext uri="{FF2B5EF4-FFF2-40B4-BE49-F238E27FC236}">
                <a16:creationId xmlns:a16="http://schemas.microsoft.com/office/drawing/2014/main" id="{821F8B1B-3601-BC79-3BAB-12826C01162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9453269" y="1669680"/>
            <a:ext cx="186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usan Wojcicki (CEO) steps down</a:t>
            </a:r>
          </a:p>
        </p:txBody>
      </p:sp>
      <p:sp>
        <p:nvSpPr>
          <p:cNvPr id="4946" name="OTLSHAPE_M_79cb1d6bea0c4efba0d54c3a3dc3007f_Date">
            <a:extLst>
              <a:ext uri="{FF2B5EF4-FFF2-40B4-BE49-F238E27FC236}">
                <a16:creationId xmlns:a16="http://schemas.microsoft.com/office/drawing/2014/main" id="{658F5B59-1F7A-81E8-D6E5-06386706A6E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0230234" y="1865599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0">
                <a:solidFill>
                  <a:srgbClr val="6F6F6F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948" name="OTLSHAPE_M_c5156af2c87d478da83ee4bd3f3b9833_Title">
            <a:extLst>
              <a:ext uri="{FF2B5EF4-FFF2-40B4-BE49-F238E27FC236}">
                <a16:creationId xmlns:a16="http://schemas.microsoft.com/office/drawing/2014/main" id="{845FCAC0-FE05-E9F6-583E-B31594486C1F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691462" y="1982548"/>
            <a:ext cx="482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Focuses on AI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49" name="OTLSHAPE_M_c5156af2c87d478da83ee4bd3f3b9833_Date">
            <a:extLst>
              <a:ext uri="{FF2B5EF4-FFF2-40B4-BE49-F238E27FC236}">
                <a16:creationId xmlns:a16="http://schemas.microsoft.com/office/drawing/2014/main" id="{0B5425FD-53E3-AEFE-452B-8C9AF83F74D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0776340" y="234898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0">
                <a:solidFill>
                  <a:srgbClr val="6F6F6F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4950" name="TextBox 4949">
            <a:extLst>
              <a:ext uri="{FF2B5EF4-FFF2-40B4-BE49-F238E27FC236}">
                <a16:creationId xmlns:a16="http://schemas.microsoft.com/office/drawing/2014/main" id="{B6DE4B03-D85F-8E46-F100-0CF2283B7B0B}"/>
              </a:ext>
            </a:extLst>
          </p:cNvPr>
          <p:cNvSpPr txBox="1"/>
          <p:nvPr/>
        </p:nvSpPr>
        <p:spPr>
          <a:xfrm>
            <a:off x="4223959" y="78536"/>
            <a:ext cx="28293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/>
              <a:t>YouTube history timeline</a:t>
            </a:r>
          </a:p>
        </p:txBody>
      </p:sp>
      <p:pic>
        <p:nvPicPr>
          <p:cNvPr id="40" name="Picture 39" descr="Icon&#10;&#10;Description automatically generated">
            <a:extLst>
              <a:ext uri="{FF2B5EF4-FFF2-40B4-BE49-F238E27FC236}">
                <a16:creationId xmlns:a16="http://schemas.microsoft.com/office/drawing/2014/main" id="{E053277C-B965-08B0-69EF-2CDE7D91EED0}"/>
              </a:ext>
            </a:extLst>
          </p:cNvPr>
          <p:cNvPicPr>
            <a:picLocks noChangeAspect="1"/>
          </p:cNvPicPr>
          <p:nvPr/>
        </p:nvPicPr>
        <p:blipFill>
          <a:blip r:embed="rId13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06835" y="6110963"/>
            <a:ext cx="1576667" cy="21721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50934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0YjIxZDUwNC04MTI1LTQ5MTQtYmFmYS1lZGYxYWY2ODEwZmYiLCJJbmRleCI6MCwiR3JvdXBJZCI6ImI3YmZhZDg0LTI0NzItNDM0Mi1hOWM1LTc1ZjAzZjMzNjJjMSIsIlRpdGxlIjoiRmlsdGVyaW5nIGxhdW5jaGVkIiwiRGF0ZVRpbWUiOiIyMDA2LTA4LTI0VDIzOjU5OjAwIiwiUGVyY2VudGFnZUNvbXBsZXRlIjpudWxsLCJOb3RlIjpudWxsLCJTdHlsZSI6eyIkaWQiOiI2IiwiVGl0bGVQb3NpdGlvbiI6IkxlZnQiLCJEYXRlUG9zaXRpb24iOiJMZWZ0IiwiU2hhcGVUeXBlIjoyLCJTaGFwZVNpemUiOjEsIlNwYWNpbmciOjU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GlkIjoiNTMiLCJBIjowLCJSIjoyNTUsIkciOjI1NSwiQiI6MjU1fX0sIklzVmlzaWJsZSI6dHJ1ZSwiV2lkdGgiOjAuMCwiSGVpZ2h0IjowLjAsIkJvcmRlclN0eWxlIjpudWxsLCJQYXJlbnRTdHlsZSI6bnVsbH0sIkRhdGVGb3JtYXQiOnsiJGlkIjoiN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pZCI6Ijc3IiwiVG9wIjowLjAsIkxlZnQiOjAuMCwiUmlnaHQiOjAuMCwiQm90dG9tIjowLjB9LCJQYWRkaW5nIjp7IiRpZCI6Ijc4IiwiVG9wIjowLjAsIkxlZnQiOjAuMCwiUmlnaHQiOjAuMCwiQm90dG9tIjowLjB9LCJCYWNrZ3JvdW5kIjp7IiRpZCI6Ijc5IiwiQ29sb3IiOnsiJGlkIjoiODAiLCJBIjowLCJSIjoyNTUsIkciOjI1NSwiQiI6MjU1fX0sIklzVmlzaWJsZSI6dHJ1ZSwiV2lkdGgiOjAuMCwiSGVpZ2h0IjowLjAsIkJvcmRlclN0eWxlIjpudWxsLCJQYXJlbnRTdHlsZSI6bnVsbH0sIkRhdGVGb3JtYXQiOnsiJGlkIjoiO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pZCI6IjEwNiIsIlRvcCI6MC4wLCJMZWZ0IjowLjAsIlJpZ2h0IjowLjAsIkJvdHRvbSI6MC4wfSwiUGFkZGluZyI6eyIkaWQiOiIxMDciLCJUb3AiOjAuMCwiTGVmdCI6MC4wLCJSaWdodCI6MC4wLCJCb3R0b20iOjAuMH0sIkJhY2tncm91bmQiOnsiJGlkIjoiMTA4IiwiQ29sb3IiOnsiJGlkIjoiMTA5IiwiQSI6MCwiUiI6MjU1LCJHIjoyNTUsIkIiOjI1NX19LCJJc1Zpc2libGUiOnRydWUsIldpZHRoIjowLjAsIkhlaWdodCI6MC4wLCJCb3JkZXJTdHlsZSI6bnVsbCwiUGFyZW50U3R5bGUiOm51bGx9LCJEYXRlRm9ybWF0Ijp7IiRpZCI6IjEx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0cnVlLCJXaWR0aCI6MC4wLCJIZWlnaHQiOjAuMCwiQm9yZGVyU3R5bGUiOm51bGwsIlBhcmVudFN0eWxlIjpudWxsfSwiRGF0ZUZvcm1hdCI6eyIkaWQiOiIxMz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pZCI6IjIxMiIsIlRvcCI6MC4wLCJMZWZ0IjowLjAsIlJpZ2h0IjowLjAsIkJvdHRvbSI6MC4wfSwiUGFkZGluZyI6eyIkaWQiOiIyMTMiLCJUb3AiOjAuMCwiTGVmdCI6MC4wLCJSaWdodCI6MC4wLCJCb3R0b20iOjAuMH0sIkJhY2tncm91bmQiOnsiJGlkIjoiMjE0IiwiQ29sb3IiOnsiJGlkIjoiMjE1IiwiQSI6MCwiUiI6MjU1LCJHIjoyNTUsIkIiOjI1NX19LCJJc1Zpc2libGUiOnRydWUsIldpZHRoIjowLjAsIkhlaWdodCI6MC4wLCJCb3JkZXJTdHlsZSI6bnVsbCwiUGFyZW50U3R5bGUiOm51bGx9LCJEYXRlRm9ybWF0Ijp7IiRpZCI6IjIx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pZCI6IjI0MCIsIkNvbG9yIjp7IiRpZCI6IjI0MSIsIkEiOjAsIlIiOjI1NSwiRyI6MjU1LCJCIjoyNTV9fSwiSXNWaXNpYmxlIjp0cnVlLCJXaWR0aCI6MC4wLCJIZWlnaHQiOjAuMCwiQm9yZGVyU3R5bGUiOm51bGwsIlBhcmVudFN0eWxlIjpudWxsfSwiRGF0ZUZvcm1hdCI6eyIkaWQiOiIyN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nsiJGlkIjoiMjY2IiwiQ29sb3IiOnsiJGlkIjoiMjY3IiwiQSI6MCwiUiI6MjU1LCJHIjoyNTUsIkIiOjI1NX19LCJJc1Zpc2libGUiOnRydWUsIldpZHRoIjowLjAsIkhlaWdodCI6MC4wLCJCb3JkZXJTdHlsZSI6bnVsbCwiUGFyZW50U3R5bGUiOm51bGx9LCJEYXRlRm9ybWF0Ijp7IiRpZCI6IjI2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pZCI6IjI5MSIsIlRvcCI6MC4wLCJMZWZ0IjowLjAsIlJpZ2h0IjowLjAsIkJvdHRvbSI6MC4wfSwiUGFkZGluZyI6eyIkaWQiOiIyOTIiLCJUb3AiOjAuMCwiTGVmdCI6MC4wLCJSaWdodCI6MC4wLCJCb3R0b20iOjAuMH0sIkJhY2tncm91bmQiOnsiJGlkIjoiMjkzIiwiQ29sb3IiOnsiJGlkIjoiMjk0IiwiQSI6MCwiUiI6MjU1LCJHIjoyNTUsIkIiOjI1NX19LCJJc1Zpc2libGUiOnRydWUsIldpZHRoIjowLjAsIkhlaWdodCI6MC4wLCJCb3JkZXJTdHlsZSI6bnVsbCwiUGFyZW50U3R5bGUiOm51bGx9LCJEYXRlRm9ybWF0Ijp7IiRpZCI6IjI5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nsiJGlkIjoiMzIwIiwiQ29sb3IiOnsiJGlkIjoiMzIxIiwiQSI6MCwiUiI6MjU1LCJHIjoyNTUsIkIiOjI1NX19LCJJc1Zpc2libGUiOnRydWUsIldpZHRoIjowLjAsIkhlaWdodCI6MC4wLCJCb3JkZXJTdHlsZSI6bnVsbCwiUGFyZW50U3R5bGUiOm51bGx9LCJEYXRlRm9ybWF0Ijp7IiRpZCI6IjMy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MjU1LCJSIjoyNDQsIkciOjAsIkIiOjB9fSwiSXNWaXNpYmxlIjp0cnVlLCJXaWR0aCI6MTMuMCwiSGVpZ2h0IjoxMy4wLCJCb3JkZXJTdHlsZSI6bnVsbCwiUGFyZW50U3R5bGUiOm51bGx9LCJUaXRsZVN0eWxlIjp7IiRpZCI6IjM4NCIsIkZvbnRTZXR0aW5ncyI6eyIkaWQiOiIzODUiLCJGb250U2l6ZSI6MTEsIkZvbnROYW1lIjoiQ2FsaWJyaSIsIklzQm9sZCI6ZmFsc2UsIklzSXRhbGljIjpmYWxzZSwiSXNVbmRlcmxpbmVkIjpmYWxzZSwiUGFyZW50U3R5bGUiOm51bGx9LCJBdXRvU2l6ZSI6MCwiRm9yZWdyb3VuZCI6eyIkaWQiOiIzODYiLCJDb2xvciI6eyIkaWQiOiIzO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wLCJSIjoyNTUsIkciOjI1NSwiQiI6MjU1fX0sIklzVmlzaWJsZSI6dHJ1ZSwiV2lkdGgiOjAuMCwiSGVpZ2h0IjowLjAsIkJvcmRlclN0eWxlIjpudWxsLCJQYXJlbnRTdHlsZSI6bnVsbH0sIkRhdGVTdHlsZSI6eyIkaWQiOiIzOTIiLCJGb250U2V0dGluZ3MiOnsiJGlkIjoiMzkzIiwiRm9udFNpemUiOjExLCJGb250TmFtZSI6IkNhbGlicmkiLCJJc0JvbGQiOmZhbHNlLCJJc0l0YWxpYyI6ZmFsc2UsIklzVW5kZXJsaW5lZCI6ZmFsc2UsIlBhcmVudFN0eWxlIjpudWxsfSwiQXV0b1NpemUiOjAsIkZvcmVncm91bmQiOnsiJGlkIjoiMzk0IiwiQ29sb3IiOnsiJGlkIjoiMzk1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pZCI6IjM5NiIsIlRvcCI6MC4wLCJMZWZ0IjowLjAsIlJpZ2h0IjowLjAsIkJvdHRvbSI6MC4wfSwiUGFkZGluZyI6eyIkaWQiOiIzOTciLCJUb3AiOjAuMCwiTGVmdCI6MC4wLCJSaWdodCI6MC4wLCJCb3R0b20iOjAuMH0sIkJhY2tncm91bmQiOnsiJGlkIjoiMzk4IiwiQ29sb3IiOnsiJGlkIjoiMzk5IiwiQSI6MCwiUiI6MjU1LCJHIjoyNTUsIkIiOjI1NX19LCJJc1Zpc2libGUiOnRydWUsIldpZHRoIjowLjAsIkhlaWdodCI6MC4wLCJCb3JkZXJTdHlsZSI6bnVsbCwiUGFyZW50U3R5bGUiOm51bGx9LCJEYXRlRm9ybWF0Ijp7IiRpZCI6IjQw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AsIlIiOjI1NSwiRyI6MjU1LCJCIjoyNTV9fSwiSXNWaXNpYmxlIjp0cnVlLCJXaWR0aCI6MC4wLCJIZWlnaHQiOjAuMCwiQm9yZGVyU3R5bGUiOm51bGwsIlBhcmVudFN0eWxlIjpudWxsfSwiRGF0ZUZvcm1hdCI6eyIkaWQiOiI0O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MjU1LCJSIjoyNDQsIkciOjAsIkIiOjB9fSwiSXNWaXNpYmxlIjp0cnVlLCJXaWR0aCI6MTguMCwiSGVpZ2h0IjoxOC4wLCJCb3JkZXJTdHlsZSI6bnVsbCwiUGFyZW50U3R5bGUiOm51bGx9LCJUaXRsZVN0eWxlIjp7IiRpZCI6IjU3NiIsIkZvbnRTZXR0aW5ncyI6eyIkaWQiOiI1NzciLCJGb250U2l6ZSI6MTEsIkZvbnROYW1lIjoiQ2FsaWJyaSIsIklzQm9sZCI6ZmFsc2UsIklzSXRhbGljIjpmYWxzZSwiSXNVbmRlcmxpbmVkIjpmYWxzZSwiUGFyZW50U3R5bGUiOm51bGx9LCJBdXRvU2l6ZSI6MCwiRm9yZWdyb3VuZCI6eyIkaWQiOiI1NzgiLCJDb2xvciI6eyIkaWQiOiI1Nz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3NDciLCJUb3AiOjAuMCwiTGVmdCI6MC4wLCJSaWdodCI6MC4wLCJCb3R0b20iOjAuMH0sIlBhZGRpbmciOnsiJGlkIjoiNzQ4IiwiVG9wIjowLjAsIkxlZnQiOjAuMCwiUmlnaHQiOjAuMCwiQm90dG9tIjowLjB9LCJCYWNrZ3JvdW5kIjp7IiRpZCI6Ijc0OSIsIkNvbG9yIjp7IiRyZWYiOiI3MTQifX0sIklzVmlzaWJsZSI6dHJ1ZSwiV2lkdGgiOjAuMCwiSGVpZ2h0IjowLjAsIkJvcmRlclN0eWxlIjpudWxsLCJQYXJlbnRTdHlsZSI6bnVsbH0sIkRhdGVGb3JtYXQiOnsiJGlkIjoiN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MSIsIkZvcm1hdCI6MCwiSXNWaXNpYmxlIjpmYWxzZSwiTGFzdEtub3duVmlzaWJpbGl0eVN0YXRlIjpmYWxzZX0sIklzVmlzaWJsZSI6dHJ1ZSwiUGFyZW50U3R5bGUiOm51bGwsIl9leHBsaWNpdGx5U2V0Ijp7IiRpZCI6Ijc1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pZCI6Ijc3OSIsIlRvcCI6MC4wLCJMZWZ0IjowLjAsIlJpZ2h0IjowLjAsIkJvdHRvbSI6MC4wfSwiUGFkZGluZyI6eyIkaWQiOiI3ODAiLCJUb3AiOjAuMCwiTGVmdCI6MC4wLCJSaWdodCI6MC4wLCJCb3R0b20iOjAuMH0sIkJhY2tncm91bmQiOnsiJGlkIjoiNzgxIiwiQ29sb3IiOnsiJHJlZiI6Ijc3NCJ9fSwiSXNWaXNpYmxlIjp0cnVlLCJXaWR0aCI6MC4wLCJIZWlnaHQiOjAuMCwiQm9yZGVyU3R5bGUiOm51bGwsIlBhcmVudFN0eWxlIjpudWxsfSwiRGF0ZUZvcm1hdCI6eyIkaWQiOiI3O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pZCI6Ijk1MCIsIlRvcCI6MC4wLCJMZWZ0IjowLjAsIlJpZ2h0IjowLjAsIkJvdHRvbSI6MC4wfSwiUGFkZGluZyI6eyIkaWQiOiI5NTEiLCJUb3AiOjAuMCwiTGVmdCI6MC4wLCJSaWdodCI6MC4wLCJCb3R0b20iOjAuMH0sIkJhY2tncm91bmQiOnsiJGlkIjoiOTUyIiwiQ29sb3IiOnsiJGlkIjoiOTUzIiwiQSI6MCwiUiI6MjU1LCJHIjoyNTUsIkIiOjI1NX19LCJJc1Zpc2libGUiOnRydWUsIldpZHRoIjowLjAsIkhlaWdodCI6MC4wLCJCb3JkZXJTdHlsZSI6bnVsbCwiUGFyZW50U3R5bGUiOm51bGx9LCJEYXRlRm9ybWF0Ijp7IiRpZCI6Ijk1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DMwIiwiVG9wIjowLjAsIkxlZnQiOjAuMCwiUmlnaHQiOjAuMCwiQm90dG9tIjowLjB9LCJQYWRkaW5nIjp7IiRpZCI6IjEwMzEiLCJUb3AiOjAuMCwiTGVmdCI6MC4wLCJSaWdodCI6MC4wLCJCb3R0b20iOjAuMH0sIkJhY2tncm91bmQiOnsiJGlkIjoiMTAzMiIsIkNvbG9yIjp7IiRyZWYiOiI1NTcifX0sIklzVmlzaWJsZSI6dHJ1ZSwiV2lkdGgiOjAuMCwiSGVpZ2h0IjowLjAsIkJvcmRlclN0eWxlIjpudWxsLCJQYXJlbnRTdHlsZSI6bnVsbH0sIkRhdGVGb3JtYXQiOnsiJGlkIjoiMTA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0IiwiRm9ybWF0IjowLCJJc1Zpc2libGUiOmZhbHNlLCJMYXN0S25vd25WaXNpYmlsaXR5U3RhdGUiOmZhbHNlfSwiSXNWaXNpYmxlIjp0cnVlLCJQYXJlbnRTdHlsZSI6bnVsbCwiX2V4cGxpY2l0bHlTZXQiOnsiJGlkIjoiMTA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0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mYWxz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mZhbHNlfSxcIlNjYWxlU3R5bGVcIjp7XCIkaWRcIjpcIjIzXCIsXCJTaG93U2VnbWVudFNlcGFyYXRvcnNcIjpmYWxzZSxcIlNlZ21lbnRTZXBhcmF0b3JPcGFjaXR5XCI6MzAsXCJTaGFwZVwiOjA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SxcIkdcIjoyMzAsXCJCXCI6MjMw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wLFwiR1wiOjAsXCJCXCI6MH19LFwiSXNWaXNpYmxlXCI6dHJ1ZSxcIldpZHRoXCI6M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E3OCxcIkdcIjoxNCxcIkJcIjoxOH19LFwiRWxhcHNlZFRpbWVGb3JtYXRcIjoyLFwiSXNWaXNpYmxlXCI6ZmFsc2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Y4LFwiR1wiOjg0LFwiQlwiOjEwNn19LFwiSXNWaXNpYmxlXCI6ZmFsc2UsXCJXaWR0aFwiOjAuMCxcIkhlaWdodFwiOjAuMCxcIkJvcmRlclN0eWxlXCI6bnVsbH0sXCJUYXNrU3R5bGVcIjp7XCIkaWRcIjpcIjQ0XCIsXCJTaGFwZVwiOjAsXCJTaGFwZVRoaWNrbmVzc1wiOjAsXCJEdXJhdGlvbkZvcm1hdFwiOjY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wLFwiR1wiOjAsXCJCXCI6MH19LFwiSG9yaXpvbnRhbEFsaWdubWVudFwiOjA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xLjAsXCJMaW5lVHlwZVwiOjB9LFwiSXNWaXNpYmxlXCI6dHJ1ZX0sXCJNYXJnaW5cIjp7XCIkaWRcIjpcIjY0XCIsXCJUb3BcIjowLjAsXCJMZWZ0XCI6MC4wLFwiUmlnaHRcIjowLjAsXCJCb3R0b21cIjowLjB9LFwiU3RhcnREYXRlUG9zaXRpb25cIjoyLFwiRW5kRGF0ZVBvc2l0aW9uXCI6MixcIlRpdGxlUG9zaXRpb25cIjoyLFwiRHVyYXRpb25Qb3NpdGlvblwiOjAsXCJQZXJjZW50YWdlQ29tcGxldGVkUG9zaXRpb25cIjow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yNTUsXCJCXCI6MjU1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mYWxzZSxcIklzSXRhbGljXCI6ZmFsc2UsXCJJc1VuZGVybGluZWRcIjpmYWxzZX0sXCJGb3JlZ3JvdW5kXCI6e1wiJGlkXCI6XCI3NlwiLFwiQ29sb3JcIjp7XCIkaWRcIjpcIjc3XCIsXCJBXCI6MjU1LFwiUlwiOjI1NSxcIkdcIjoyNTUsXCJCXCI6MjU1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I1NSxcIkdcIjoyNTUsXCJCXCI6MjU1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ixcIklzQmVsb3dUaW1lYmFuZFwiOmZhbHN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Q0LFwiR1wiOjAsXCJCXCI6MH19LFwiSXNWaXNpYmxlXCI6dHJ1ZSxcIldpZHRoXCI6MTMuMCxcIkhlaWdodFwiOjEz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xLFwiRm9udE5hbWVcIjpcIkNhbGlicmlcIixcIklzQm9sZFwiOmZhbHN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xMixcIkZvbnROYW1lXCI6XCJDYWxpYnJpXCIsXCJJc0JvbGRcIjpmYWxzZSxcIklzSXRhbGljXCI6ZmFsc2UsXCJJc1VuZGVybGluZWRcIjpmYWxzZX0sXCJGb3JlZ3JvdW5kXCI6e1wiJGlkXCI6XCIxMDFcIixcIkNvbG9yXCI6e1wiJGlkXCI6XCIxMDJcIixcIkFcIjoyNTUsXCJSXCI6MTExLFwiR1wiOjExMSxcIkJcIjoxMTF9fSxcIkhvcml6b250YWxBbGlnbm1lbnRcIjowLFwiSXNWaXNpYmxlXCI6dHJ1ZX0sXCJEYXRlRm9ybWF0XCI6e1wiJGlkXCI6XCIxMDNcIixcIkZvcm1hdFN0cmluZ1wiOlwi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IsXCJTaGFwZVNpemVcIjoxLFwiRGV0YWlsc1NwYWNpbmdcIjoy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0NCxcIkdcIjowLFwiQlwiOjB9fSxcIklzVmlzaWJsZVwiOnRydWUsXCJXaWR0aFwiOjEzLjAsXCJIZWlnaHRcIjoxMy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E5YTc3ZGE4LTdlMWEtNDUxMC1iZDg3LTRkMmViZTkxYzU3ZlwiLFwiTmFtZVwiOlwiU3dpbWxhbmUgU3R5bGUgMVwiLFwiSGVhZGVyU3R5bGVcIjp7XCIkaWRcIjpcIjEyN1wiLFwiVGV4dFN0eWxlXCI6e1wiJGlkXCI6XCIxMjhcIixcIkZvbnRTZXR0aW5nc1wiOntcIiRpZFwiOlwiMTI5XCIsXCJGb250U2l6ZVwiOjEyLFwiRm9udE5hbWVcIjpcIkNhbGlicmlcIixcIklzQm9sZFwiOnRydW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U1LFwiR1wiOjI1NSxcIkJcIjoyNTV9fSxcIklzVmlzaWJsZVwiOnRydWUsXCJXaWR0aFwiOjAuMCxcIkhlaWdodFwiOjAuMCxcIkJvcmRlclN0eWxlXCI6e1wiJGlkXCI6XCIxMzdcIixcIkxpbmVTdHlsZVwiOntcIiRpZFwiOlwiMTM4XCIsXCJMaW5lQ29sb3JcIjp7XCIkaWRcIjpcIjEzOVwiLFwiQ29sb3JcIjp7XCIkaWRcIjpcIjE0MFwiLFwiQVwiOjI1NSxcIlJcIjoyMixcIkdcIjoyOCxcIkJcIjoz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I1NSxcIlJcIjoyNTUsXCJHXCI6MjU1LFwiQlwiOjI1N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U1LFwiR1wiOjI1NSxcIkJcIjoyNTV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MjU1LFwiUlwiOjI1NSxcIkdcIjoyNTUsXCJCXCI6MjU1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M0LFwiR1wiOjIyLFwiQlwiOjMwfX0sXCJJc1Zpc2libGVcIjp0cnVlLFwiV2lkdGhcIjoxMy4wLFwiSGVpZ2h0XCI6MTM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AsXCJTaGFwZVRoaWNrbmVzc1wiOjAsXCJEdXJhdGlvbkZvcm1hdFwiOjY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AsXCJHXCI6MCxcIkJcIjowfX0sXCJIb3Jpem9udGFsQWxpZ25tZW50XCI6MCxcIklzVmlzaWJsZVwiOnRydWV9LFwiTWFyZ2luXCI6e1wiJGlkXCI6XCIyMDZcIixcIlRvcFwiOjAuMCxcIkxlZnRcIjowLjAsXCJSaWdodFwiOjAuMCxcIkJvdHRvbVwiOjAuMH0sXCJTdGFydERhdGVQb3NpdGlvblwiOjIsXCJFbmREYXRlUG9zaXRpb25cIjoy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I1NSxcIkJcIjoyNTV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yNTUsXCJHXCI6MjU1LFwiQlwiOjI1NX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jU1LFwiR1wiOjI1NSxcIkJcIjoyNTV9fSxcIkhvcml6b250YWxBbGlnbm1lbnRcIjow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wLFwiU2hhcGVTaXplXCI6MSxcIkRldGFpbHNTcGFjaW5nXCI6Mi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yNTUsXCJHXCI6MjU1LFwiQlwiOjI1NX19LFwiSXNWaXNpYmxlXCI6dHJ1ZSxcIldpZHRoXCI6MTguMCxcIkhlaWdodFwiOjIw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z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ixcIkZvbnROYW1lXCI6XCJDYWxpYnJpXCIsXCJJc0JvbGRcIjpmYWxzZSxcIklzSXRhbGljXCI6ZmFsc2UsXCJJc1VuZGVybGluZWRcIjpmYWxzZX0sXCJGb3JlZ3JvdW5kXCI6e1wiJGlkXCI6XCIyNDNcIixcIkNvbG9yXCI6e1wiJGlkXCI6XCIyNDRcIixcIkFcIjoyNTUsXCJSXCI6MTExLFwiR1wiOjExMSxcIkJcIjoxMTF9fSxcIkhvcml6b250YWxBbGlnbm1lbnRcIjowLFwiSXNWaXNpYmxlXCI6dHJ1ZX0sXCJEYXRlRm9ybWF0XCI6e1wiJGlkXCI6XCIyNDVcIixcIkZvcm1hdFN0cmluZ1wiOlwieXl5eV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ZmFsc2V9LFwiQWN0aXZpdHlMaW5lUGFuZWxTdHlsZVwiOntcIiRpZFwiOlwiMjUxXCIsXCJBY3Rpdml0eUxpbmVTdHlsZVwiOntcIiRpZFwiOlwiMjUyXCIsXCJMaW5lQ29sb3JcIjp7XCIkaWRcIjpcIjI1M1wiLFwiQ29sb3JcIjp7XCIkaWRcIjpcIjI1NFwiLFwiQVwiOjM4LFwiUlwiOjkxLFwiR1wiOjE1NSxcIkJcIjoyMTN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MTYsXCJTcGFjaW5nQmVsb3dUaW1lYmFuZFwiOjE2LFwiU3BhY2luZ0Fib3ZlQmV0d2VlblN3aW1sYW5lc0FuZFRhc2tzXCI6MTYsXCJTcGFjaW5nQmVsb3dCZXR3ZWVuU3dpbWxhbmVzQW5kVGFza3NcIjoxNn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MzEsXCJHXCI6MjMwLFwiQlwiOjIzMH0sXCJBY2NlbnQyXCI6e1wiJGlkXCI6XCIyNzZcIixcIkFcIjoyNTUsXCJSXCI6MCxcIkdcIjowLFwiQlwiOjB9LFwiQWNjZW50M1wiOntcIiRpZFwiOlwiMjc3XCIsXCJBXCI6MjU1LFwiUlwiOjI1NSxcIkdcIjoyNTUsXCJCXCI6MjU1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MTY1MiIsIkltcGFPcHRpb25zIjp7IiRpZCI6IjE2NTM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fficial launch"/>
  <p:tag name="OTLDATE" val="2005-12-1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2-01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TITLE" val="Second most popular social network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6-01T23:59:00.0000000"/>
  <p:tag name="OTLMTITLE" val="Shorts &gt;50 billion daily views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2-16T23:59:00.0000000"/>
  <p:tag name="OTLPOSITIONONTASK" val="None"/>
  <p:tag name="OTLRELATEDTASKID" val="00000000-0000-0000-0000-000000000000"/>
  <p:tag name="OTLMTITLE" val="Susan Wojcicki (CEO) steps down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3-01T23:59:00.0000000"/>
  <p:tag name="OTLPOSITIONONTASK" val="None"/>
  <p:tag name="OTLRELATEDTASKID" val="00000000-0000-0000-0000-000000000000"/>
  <p:tag name="OTLMTITLE" val="Focuses on AI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05-02-14T23:59:00.0000000Z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6.3112582781457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HEIGHT" val="30"/>
  <p:tag name="OTLTIMEBANDSHAPEPADDINGLEFT" val="0"/>
  <p:tag name="OTLTIMEBANDENDDATE" val="2024-03-01T23:59:00.0000000"/>
  <p:tag name="OTLTIMEBANDSHAPETYPE" val="RectangleTimeband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-video ads"/>
  <p:tag name="OTLDATE" val="2007-08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Rentals"/>
  <p:tag name="OTLDATE" val="2010-01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Live"/>
  <p:tag name="OTLDATE" val="2011-12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TV"/>
  <p:tag name="OTLDATE" val="2017-04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ew logo for the first time"/>
  <p:tag name="OTLDATE" val="2017-08-29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ltering launched"/>
  <p:tag name="OTLDATE" val="2006-08-24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's Partner Program"/>
  <p:tag name="OTLDATE" val="2007-05-3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Red"/>
  <p:tag name="OTLDATE" val="2015-10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60 fps videos are introduced"/>
  <p:tag name="OTLDATE" val="2014-06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evo (in partnership with Vivendi)"/>
  <p:tag name="OTLDATE" val="2009-04-03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8-09-0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YouTube Red rebranded &#10;as YouTube Premium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reator Studio phased out"/>
  <p:tag name="OTLDATE" val="2019-11-03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headquarters shooting"/>
  <p:tag name="OTLDATE" val="2018-04-03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Go"/>
  <p:tag name="OTLDATE" val="2016-09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Go shutting down"/>
  <p:tag name="OTLDATE" val="2022-08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ideo Reach advertising platform"/>
  <p:tag name="OTLDATE" val="2018-10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4-03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Turkey bans YouTube (2nd time)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Handles"/>
  <p:tag name="OTLDATE" val="2022-10-10T23:59:00.0000000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Removes dislike count"/>
  <p:tag name="OTLPOSITIONONTASK" val="None"/>
  <p:tag name="OTLRELATEDTASKID" val="00000000-0000-0000-0000-000000000000"/>
  <p:tag name="OTLDATE" val="2020-12-01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3-11-01T23:59:00.0000000"/>
  <p:tag name="OTLPOSITIONONTASK" val="None"/>
  <p:tag name="OTLRELATEDTASKID" val="00000000-0000-0000-0000-000000000000"/>
  <p:tag name="OTLMTITLE" val="Crackdown on &#10;ad blockers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.com registered"/>
  <p:tag name="OTLDATE" val="2005-02-14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abody Award"/>
  <p:tag name="OTLDATE" val="2009-05-1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ys $215 million office park"/>
  <p:tag name="OTLDATE" val="2016-01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rst 1 billion-hit video"/>
  <p:tag name="OTLDATE" val="2012-12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1 billion views/day"/>
  <p:tag name="OTLDATE" val="2009-10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quired by Google"/>
  <p:tag name="OTLDATE" val="2006-10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oves categories"/>
  <p:tag name="OTLDATE" val="2020-06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6</Words>
  <Application>Microsoft Office PowerPoint</Application>
  <PresentationFormat>Widescreen</PresentationFormat>
  <Paragraphs>8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2-13T12:01:00Z</dcterms:created>
  <dcterms:modified xsi:type="dcterms:W3CDTF">2024-05-29T13:43:09Z</dcterms:modified>
</cp:coreProperties>
</file>